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ront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60A59B03-83EB-D234-00E3-D9C9BA99EAE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01140" y="5016230"/>
            <a:ext cx="2381640" cy="165285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BC7F4E58-0FD9-8DC3-D3DA-1A03DD9D870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3765" y="4181383"/>
            <a:ext cx="1800366" cy="124945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9-18T07:43:18Z</dcterms:modified>
</cp:coreProperties>
</file>